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4000" windowHeight="9750" tabRatio="944"/>
  </bookViews>
  <sheets>
    <sheet name="18-6" sheetId="9" r:id="rId1"/>
  </sheets>
  <definedNames>
    <definedName name="_xlnm.Print_Area" localSheetId="0">'18-6'!$B$21:$J$39</definedName>
  </definedNames>
  <calcPr calcId="152511"/>
</workbook>
</file>

<file path=xl/calcChain.xml><?xml version="1.0" encoding="utf-8"?>
<calcChain xmlns="http://schemas.openxmlformats.org/spreadsheetml/2006/main">
  <c r="I15" i="9" l="1"/>
  <c r="H15" i="9"/>
  <c r="E15" i="9"/>
  <c r="D15" i="9"/>
  <c r="C15" i="9"/>
  <c r="I14" i="9"/>
  <c r="H14" i="9"/>
  <c r="G14" i="9"/>
  <c r="E14" i="9"/>
  <c r="D14" i="9"/>
  <c r="C14" i="9"/>
  <c r="I13" i="9"/>
  <c r="H13" i="9"/>
  <c r="F13" i="9"/>
  <c r="E13" i="9"/>
  <c r="D13" i="9"/>
  <c r="C13" i="9"/>
  <c r="I12" i="9"/>
  <c r="H12" i="9"/>
  <c r="G12" i="9"/>
  <c r="F12" i="9"/>
  <c r="E12" i="9"/>
  <c r="D12" i="9"/>
  <c r="C12" i="9"/>
  <c r="I11" i="9"/>
  <c r="H11" i="9"/>
  <c r="G11" i="9"/>
  <c r="F11" i="9"/>
  <c r="E11" i="9"/>
  <c r="D11" i="9"/>
  <c r="C11" i="9"/>
  <c r="I10" i="9"/>
  <c r="H10" i="9"/>
  <c r="G10" i="9"/>
  <c r="F10" i="9"/>
  <c r="E10" i="9"/>
  <c r="D10" i="9"/>
  <c r="C10" i="9"/>
  <c r="I9" i="9"/>
  <c r="H9" i="9"/>
  <c r="G9" i="9"/>
  <c r="F9" i="9"/>
  <c r="E9" i="9"/>
  <c r="D9" i="9"/>
  <c r="C9" i="9"/>
  <c r="I8" i="9"/>
  <c r="H8" i="9"/>
  <c r="G8" i="9"/>
  <c r="F8" i="9"/>
  <c r="E8" i="9"/>
  <c r="D8" i="9"/>
  <c r="C8" i="9"/>
  <c r="I7" i="9"/>
  <c r="H7" i="9"/>
  <c r="G7" i="9"/>
  <c r="F7" i="9"/>
  <c r="E7" i="9"/>
  <c r="D7" i="9"/>
  <c r="C7" i="9"/>
</calcChain>
</file>

<file path=xl/sharedStrings.xml><?xml version="1.0" encoding="utf-8"?>
<sst xmlns="http://schemas.openxmlformats.org/spreadsheetml/2006/main" count="84" uniqueCount="51">
  <si>
    <t>総数</t>
    <rPh sb="0" eb="2">
      <t>ソウスウ</t>
    </rPh>
    <phoneticPr fontId="2"/>
  </si>
  <si>
    <t>（注）</t>
    <rPh sb="1" eb="2">
      <t>チュウ</t>
    </rPh>
    <phoneticPr fontId="2"/>
  </si>
  <si>
    <t>資料：住宅統計調査</t>
    <rPh sb="0" eb="2">
      <t>シリョウ</t>
    </rPh>
    <rPh sb="3" eb="5">
      <t>ジュウタク</t>
    </rPh>
    <rPh sb="5" eb="7">
      <t>トウケイ</t>
    </rPh>
    <rPh sb="7" eb="9">
      <t>チョウサ</t>
    </rPh>
    <phoneticPr fontId="2"/>
  </si>
  <si>
    <t>持ち家</t>
    <rPh sb="0" eb="1">
      <t>モ</t>
    </rPh>
    <rPh sb="2" eb="3">
      <t>イエ</t>
    </rPh>
    <phoneticPr fontId="2"/>
  </si>
  <si>
    <t>借家</t>
    <rPh sb="0" eb="2">
      <t>シャクヤ</t>
    </rPh>
    <phoneticPr fontId="2"/>
  </si>
  <si>
    <t>世帯の収入階級</t>
    <rPh sb="0" eb="2">
      <t>セタイ</t>
    </rPh>
    <rPh sb="3" eb="5">
      <t>シュウニュウ</t>
    </rPh>
    <rPh sb="5" eb="7">
      <t>カイキュウ</t>
    </rPh>
    <phoneticPr fontId="2"/>
  </si>
  <si>
    <t>総数（１）</t>
    <rPh sb="0" eb="2">
      <t>ソウスウ</t>
    </rPh>
    <phoneticPr fontId="2"/>
  </si>
  <si>
    <t>公営の借家</t>
    <rPh sb="0" eb="2">
      <t>コウエイ</t>
    </rPh>
    <rPh sb="3" eb="5">
      <t>シャクヤ</t>
    </rPh>
    <phoneticPr fontId="2"/>
  </si>
  <si>
    <t>公団公社の借家</t>
    <rPh sb="0" eb="2">
      <t>コウダン</t>
    </rPh>
    <rPh sb="2" eb="4">
      <t>コウシャ</t>
    </rPh>
    <rPh sb="5" eb="7">
      <t>シャクヤ</t>
    </rPh>
    <phoneticPr fontId="2"/>
  </si>
  <si>
    <t>民営借家</t>
    <rPh sb="0" eb="2">
      <t>ミンエイ</t>
    </rPh>
    <rPh sb="2" eb="4">
      <t>シャクヤ</t>
    </rPh>
    <phoneticPr fontId="2"/>
  </si>
  <si>
    <t>給与住宅</t>
    <rPh sb="0" eb="2">
      <t>キュウヨ</t>
    </rPh>
    <rPh sb="2" eb="4">
      <t>ジュウタク</t>
    </rPh>
    <phoneticPr fontId="2"/>
  </si>
  <si>
    <t>同居・住宅以外の建物に居住する世帯</t>
    <rPh sb="0" eb="2">
      <t>ドウキョ</t>
    </rPh>
    <rPh sb="3" eb="5">
      <t>ジュウタク</t>
    </rPh>
    <rPh sb="5" eb="7">
      <t>イガイ</t>
    </rPh>
    <rPh sb="8" eb="10">
      <t>タテモノ</t>
    </rPh>
    <rPh sb="11" eb="13">
      <t>キョジュウ</t>
    </rPh>
    <rPh sb="15" eb="17">
      <t>セタイ</t>
    </rPh>
    <phoneticPr fontId="2"/>
  </si>
  <si>
    <t>主世帯</t>
    <rPh sb="0" eb="1">
      <t>シュ</t>
    </rPh>
    <rPh sb="1" eb="3">
      <t>セタイ</t>
    </rPh>
    <phoneticPr fontId="2"/>
  </si>
  <si>
    <t>総数　２）</t>
    <rPh sb="0" eb="2">
      <t>ソウスウ</t>
    </rPh>
    <phoneticPr fontId="2"/>
  </si>
  <si>
    <t>200～300万円</t>
    <rPh sb="7" eb="8">
      <t>マン</t>
    </rPh>
    <rPh sb="8" eb="9">
      <t>エン</t>
    </rPh>
    <phoneticPr fontId="2"/>
  </si>
  <si>
    <t>200万円未満</t>
    <rPh sb="3" eb="4">
      <t>マン</t>
    </rPh>
    <rPh sb="4" eb="5">
      <t>エン</t>
    </rPh>
    <rPh sb="5" eb="7">
      <t>ミマン</t>
    </rPh>
    <phoneticPr fontId="2"/>
  </si>
  <si>
    <t>300～400万円</t>
    <rPh sb="7" eb="9">
      <t>マンエン</t>
    </rPh>
    <phoneticPr fontId="2"/>
  </si>
  <si>
    <t>400～500万円</t>
    <rPh sb="7" eb="9">
      <t>マンエン</t>
    </rPh>
    <phoneticPr fontId="2"/>
  </si>
  <si>
    <t>500～700万円</t>
    <rPh sb="7" eb="8">
      <t>マン</t>
    </rPh>
    <rPh sb="8" eb="9">
      <t>エン</t>
    </rPh>
    <phoneticPr fontId="2"/>
  </si>
  <si>
    <t>700～1,000万円</t>
    <rPh sb="9" eb="10">
      <t>マン</t>
    </rPh>
    <rPh sb="10" eb="11">
      <t>エン</t>
    </rPh>
    <phoneticPr fontId="2"/>
  </si>
  <si>
    <t>1,000～1,500万円</t>
    <rPh sb="11" eb="12">
      <t>マン</t>
    </rPh>
    <rPh sb="12" eb="13">
      <t>エン</t>
    </rPh>
    <phoneticPr fontId="2"/>
  </si>
  <si>
    <t>1,500万円以上</t>
    <rPh sb="5" eb="6">
      <t>マン</t>
    </rPh>
    <rPh sb="6" eb="7">
      <t>エン</t>
    </rPh>
    <rPh sb="7" eb="9">
      <t>イジョウ</t>
    </rPh>
    <phoneticPr fontId="2"/>
  </si>
  <si>
    <t>１）住宅の所有関係「不詳」を含む</t>
    <rPh sb="2" eb="4">
      <t>ジュウタク</t>
    </rPh>
    <rPh sb="5" eb="7">
      <t>ショユウ</t>
    </rPh>
    <rPh sb="7" eb="9">
      <t>カンケイ</t>
    </rPh>
    <rPh sb="10" eb="12">
      <t>フショウ</t>
    </rPh>
    <rPh sb="14" eb="15">
      <t>フク</t>
    </rPh>
    <phoneticPr fontId="2"/>
  </si>
  <si>
    <t>２）世帯の収入階級「不詳」を含む</t>
    <rPh sb="2" eb="4">
      <t>セタイ</t>
    </rPh>
    <rPh sb="5" eb="7">
      <t>シュウニュウ</t>
    </rPh>
    <rPh sb="7" eb="9">
      <t>カイキュウ</t>
    </rPh>
    <rPh sb="10" eb="12">
      <t>フショウ</t>
    </rPh>
    <rPh sb="14" eb="15">
      <t>フク</t>
    </rPh>
    <phoneticPr fontId="2"/>
  </si>
  <si>
    <t>平成15年10月1日現在（単位：世帯）</t>
    <rPh sb="0" eb="2">
      <t>ヘイセイ</t>
    </rPh>
    <rPh sb="4" eb="5">
      <t>ネン</t>
    </rPh>
    <rPh sb="7" eb="8">
      <t>ツキ</t>
    </rPh>
    <rPh sb="9" eb="10">
      <t>ヒ</t>
    </rPh>
    <rPh sb="10" eb="12">
      <t>ゲンザイ</t>
    </rPh>
    <rPh sb="13" eb="15">
      <t>タンイ</t>
    </rPh>
    <rPh sb="16" eb="18">
      <t>セタイ</t>
    </rPh>
    <phoneticPr fontId="2"/>
  </si>
  <si>
    <t>世帯の収入階級、世帯の種類、</t>
    <rPh sb="0" eb="2">
      <t>セタイ</t>
    </rPh>
    <rPh sb="3" eb="5">
      <t>シュウニュウ</t>
    </rPh>
    <rPh sb="5" eb="7">
      <t>カイキュウ</t>
    </rPh>
    <rPh sb="8" eb="10">
      <t>セタイ</t>
    </rPh>
    <rPh sb="11" eb="13">
      <t>シュルイ</t>
    </rPh>
    <phoneticPr fontId="2"/>
  </si>
  <si>
    <t>住宅の所有関係別普通世帯数</t>
    <rPh sb="0" eb="2">
      <t>ジュウタク</t>
    </rPh>
    <rPh sb="3" eb="5">
      <t>ショユウ</t>
    </rPh>
    <rPh sb="5" eb="7">
      <t>カンケイ</t>
    </rPh>
    <rPh sb="7" eb="8">
      <t>ベツ</t>
    </rPh>
    <rPh sb="8" eb="10">
      <t>フツウ</t>
    </rPh>
    <rPh sb="10" eb="12">
      <t>セタイ</t>
    </rPh>
    <rPh sb="12" eb="13">
      <t>カズ</t>
    </rPh>
    <phoneticPr fontId="2"/>
  </si>
  <si>
    <t>注1）住宅の所有関係「不詳」を含む。</t>
    <rPh sb="0" eb="1">
      <t>チュウ</t>
    </rPh>
    <rPh sb="3" eb="5">
      <t>ジュウタク</t>
    </rPh>
    <rPh sb="6" eb="8">
      <t>ショユウ</t>
    </rPh>
    <rPh sb="8" eb="10">
      <t>カンケイ</t>
    </rPh>
    <rPh sb="11" eb="13">
      <t>フショウ</t>
    </rPh>
    <rPh sb="15" eb="16">
      <t>フク</t>
    </rPh>
    <phoneticPr fontId="2"/>
  </si>
  <si>
    <t>注2）世帯の収入階級「不詳」を含む。</t>
    <rPh sb="0" eb="1">
      <t>チュウ</t>
    </rPh>
    <rPh sb="3" eb="5">
      <t>セタイ</t>
    </rPh>
    <rPh sb="6" eb="8">
      <t>シュウニュウ</t>
    </rPh>
    <rPh sb="8" eb="10">
      <t>カイキュウ</t>
    </rPh>
    <rPh sb="11" eb="13">
      <t>フショウ</t>
    </rPh>
    <rPh sb="15" eb="16">
      <t>フク</t>
    </rPh>
    <phoneticPr fontId="2"/>
  </si>
  <si>
    <t>-</t>
    <phoneticPr fontId="2"/>
  </si>
  <si>
    <t>18-6　世帯の収入階級、世帯の種類、住宅の所有関係別普通世帯数</t>
    <rPh sb="5" eb="7">
      <t>セタイ</t>
    </rPh>
    <rPh sb="8" eb="10">
      <t>シュウニュウ</t>
    </rPh>
    <rPh sb="10" eb="12">
      <t>カイキュウ</t>
    </rPh>
    <rPh sb="13" eb="15">
      <t>セタイ</t>
    </rPh>
    <rPh sb="16" eb="18">
      <t>シュルイ</t>
    </rPh>
    <rPh sb="19" eb="21">
      <t>ジュウタク</t>
    </rPh>
    <rPh sb="22" eb="24">
      <t>ショユウ</t>
    </rPh>
    <rPh sb="24" eb="26">
      <t>カンケイ</t>
    </rPh>
    <rPh sb="26" eb="27">
      <t>ベツ</t>
    </rPh>
    <rPh sb="27" eb="29">
      <t>フツウ</t>
    </rPh>
    <rPh sb="29" eb="31">
      <t>セタイ</t>
    </rPh>
    <rPh sb="31" eb="32">
      <t>カズ</t>
    </rPh>
    <phoneticPr fontId="2"/>
  </si>
  <si>
    <t>100万円未満</t>
    <rPh sb="3" eb="4">
      <t>マン</t>
    </rPh>
    <rPh sb="4" eb="5">
      <t>エン</t>
    </rPh>
    <rPh sb="5" eb="7">
      <t>ミマン</t>
    </rPh>
    <phoneticPr fontId="2"/>
  </si>
  <si>
    <t>-</t>
  </si>
  <si>
    <t>-</t>
    <phoneticPr fontId="2"/>
  </si>
  <si>
    <t>-</t>
    <phoneticPr fontId="2"/>
  </si>
  <si>
    <t>-</t>
    <phoneticPr fontId="2"/>
  </si>
  <si>
    <t>-</t>
    <phoneticPr fontId="2"/>
  </si>
  <si>
    <t>平成30年10月1日現在（単位：世帯）</t>
    <rPh sb="0" eb="2">
      <t>ヘイセイ</t>
    </rPh>
    <rPh sb="4" eb="5">
      <t>ネン</t>
    </rPh>
    <rPh sb="7" eb="8">
      <t>ツキ</t>
    </rPh>
    <rPh sb="9" eb="10">
      <t>ヒ</t>
    </rPh>
    <rPh sb="10" eb="12">
      <t>ゲンザイ</t>
    </rPh>
    <rPh sb="13" eb="15">
      <t>タンイ</t>
    </rPh>
    <rPh sb="16" eb="18">
      <t>セタイ</t>
    </rPh>
    <phoneticPr fontId="2"/>
  </si>
  <si>
    <t>資料：住宅・土地統計調査</t>
    <rPh sb="0" eb="2">
      <t>シリョウ</t>
    </rPh>
    <rPh sb="3" eb="5">
      <t>ジュウタク</t>
    </rPh>
    <rPh sb="6" eb="8">
      <t>トチ</t>
    </rPh>
    <rPh sb="8" eb="10">
      <t>トウケイ</t>
    </rPh>
    <rPh sb="10" eb="12">
      <t>チョウサ</t>
    </rPh>
    <phoneticPr fontId="2"/>
  </si>
  <si>
    <t>総数 (注2)</t>
    <rPh sb="0" eb="2">
      <t>ソウスウ</t>
    </rPh>
    <rPh sb="4" eb="5">
      <t>チュウ</t>
    </rPh>
    <phoneticPr fontId="2"/>
  </si>
  <si>
    <t>総数
 (注1)</t>
    <rPh sb="0" eb="2">
      <t>ソウスウ</t>
    </rPh>
    <rPh sb="5" eb="6">
      <t>チュウ</t>
    </rPh>
    <phoneticPr fontId="2"/>
  </si>
  <si>
    <t>100～200万円未満</t>
    <rPh sb="7" eb="9">
      <t>マンエン</t>
    </rPh>
    <phoneticPr fontId="2"/>
  </si>
  <si>
    <t>200～300万円未満</t>
    <rPh sb="7" eb="8">
      <t>マン</t>
    </rPh>
    <rPh sb="8" eb="9">
      <t>エン</t>
    </rPh>
    <phoneticPr fontId="2"/>
  </si>
  <si>
    <t>300～400万円未満</t>
    <rPh sb="7" eb="9">
      <t>マンエン</t>
    </rPh>
    <phoneticPr fontId="2"/>
  </si>
  <si>
    <t>400～500万円未満</t>
    <rPh sb="7" eb="9">
      <t>マンエン</t>
    </rPh>
    <phoneticPr fontId="2"/>
  </si>
  <si>
    <t>500～700万円未満</t>
    <rPh sb="7" eb="8">
      <t>マン</t>
    </rPh>
    <rPh sb="8" eb="9">
      <t>エン</t>
    </rPh>
    <phoneticPr fontId="2"/>
  </si>
  <si>
    <t>700～1,000万円未満</t>
    <rPh sb="9" eb="10">
      <t>マン</t>
    </rPh>
    <rPh sb="10" eb="11">
      <t>エン</t>
    </rPh>
    <phoneticPr fontId="2"/>
  </si>
  <si>
    <t>1,000～1,500万円未満</t>
    <rPh sb="11" eb="12">
      <t>マン</t>
    </rPh>
    <rPh sb="12" eb="13">
      <t>エン</t>
    </rPh>
    <phoneticPr fontId="2"/>
  </si>
  <si>
    <t>都市再生機構(UR)
・公社の借家</t>
    <rPh sb="0" eb="2">
      <t>トシ</t>
    </rPh>
    <rPh sb="2" eb="4">
      <t>サイセイ</t>
    </rPh>
    <rPh sb="4" eb="6">
      <t>キコウ</t>
    </rPh>
    <rPh sb="12" eb="14">
      <t>コウシャ</t>
    </rPh>
    <rPh sb="15" eb="17">
      <t>シャクヤ</t>
    </rPh>
    <phoneticPr fontId="2"/>
  </si>
  <si>
    <t>-</t>
    <phoneticPr fontId="2"/>
  </si>
  <si>
    <t>同居世帯・住宅
以外の建物に
居住する世帯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#,###,##0;&quot;-&quot;#,###,##0"/>
  </numFmts>
  <fonts count="1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6"/>
      <name val="明朝"/>
      <family val="1"/>
      <charset val="128"/>
    </font>
    <font>
      <sz val="8"/>
      <name val="明朝"/>
      <family val="1"/>
      <charset val="128"/>
    </font>
    <font>
      <b/>
      <sz val="12"/>
      <name val="明朝"/>
      <family val="1"/>
      <charset val="128"/>
    </font>
    <font>
      <sz val="12"/>
      <name val="明朝"/>
      <family val="1"/>
      <charset val="128"/>
    </font>
    <font>
      <sz val="1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5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5">
    <xf numFmtId="0" fontId="0" fillId="0" borderId="0" xfId="0"/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38" fontId="5" fillId="0" borderId="0" xfId="1" applyFont="1" applyBorder="1" applyAlignment="1">
      <alignment vertical="center"/>
    </xf>
    <xf numFmtId="38" fontId="5" fillId="0" borderId="0" xfId="1" applyFont="1" applyBorder="1" applyAlignment="1">
      <alignment horizontal="right" vertical="center"/>
    </xf>
    <xf numFmtId="38" fontId="5" fillId="0" borderId="1" xfId="1" applyFont="1" applyBorder="1" applyAlignment="1">
      <alignment horizontal="right" vertical="center"/>
    </xf>
    <xf numFmtId="0" fontId="6" fillId="0" borderId="0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9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0" fillId="0" borderId="0" xfId="0" applyFont="1" applyAlignment="1">
      <alignment horizontal="right" vertical="center"/>
    </xf>
    <xf numFmtId="0" fontId="5" fillId="0" borderId="11" xfId="0" applyFont="1" applyBorder="1" applyAlignment="1">
      <alignment horizontal="distributed" vertical="center"/>
    </xf>
    <xf numFmtId="0" fontId="5" fillId="0" borderId="12" xfId="0" applyFont="1" applyBorder="1" applyAlignment="1">
      <alignment horizontal="distributed" vertical="center"/>
    </xf>
    <xf numFmtId="38" fontId="11" fillId="0" borderId="0" xfId="1" applyFont="1" applyBorder="1" applyAlignment="1">
      <alignment horizontal="right" vertical="center"/>
    </xf>
    <xf numFmtId="38" fontId="11" fillId="0" borderId="13" xfId="1" applyFont="1" applyBorder="1" applyAlignment="1">
      <alignment horizontal="right" vertical="center"/>
    </xf>
    <xf numFmtId="176" fontId="12" fillId="0" borderId="0" xfId="0" quotePrefix="1" applyNumberFormat="1" applyFont="1" applyFill="1" applyBorder="1" applyAlignment="1">
      <alignment horizontal="right" vertical="center"/>
    </xf>
    <xf numFmtId="176" fontId="12" fillId="0" borderId="0" xfId="0" applyNumberFormat="1" applyFont="1" applyFill="1" applyBorder="1" applyAlignment="1">
      <alignment horizontal="right" vertical="center"/>
    </xf>
    <xf numFmtId="176" fontId="12" fillId="0" borderId="13" xfId="0" applyNumberFormat="1" applyFont="1" applyFill="1" applyBorder="1" applyAlignment="1">
      <alignment horizontal="right" vertical="center"/>
    </xf>
    <xf numFmtId="176" fontId="12" fillId="0" borderId="1" xfId="0" quotePrefix="1" applyNumberFormat="1" applyFont="1" applyFill="1" applyBorder="1" applyAlignment="1">
      <alignment horizontal="right" vertical="center"/>
    </xf>
    <xf numFmtId="176" fontId="12" fillId="0" borderId="1" xfId="0" applyNumberFormat="1" applyFont="1" applyFill="1" applyBorder="1" applyAlignment="1">
      <alignment horizontal="right" vertical="center"/>
    </xf>
    <xf numFmtId="176" fontId="12" fillId="0" borderId="14" xfId="0" applyNumberFormat="1" applyFont="1" applyFill="1" applyBorder="1" applyAlignment="1">
      <alignment horizontal="right" vertical="center"/>
    </xf>
    <xf numFmtId="0" fontId="5" fillId="0" borderId="11" xfId="0" applyFont="1" applyBorder="1" applyAlignment="1">
      <alignment horizontal="distributed" vertical="center" indent="1"/>
    </xf>
    <xf numFmtId="0" fontId="6" fillId="0" borderId="11" xfId="0" applyFont="1" applyBorder="1" applyAlignment="1">
      <alignment horizontal="distributed" vertical="center"/>
    </xf>
    <xf numFmtId="0" fontId="6" fillId="0" borderId="3" xfId="0" applyFont="1" applyBorder="1" applyAlignment="1">
      <alignment horizontal="distributed" vertical="center" wrapText="1"/>
    </xf>
    <xf numFmtId="0" fontId="3" fillId="0" borderId="3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3" xfId="0" applyFont="1" applyBorder="1" applyAlignment="1">
      <alignment horizontal="center" vertical="center"/>
    </xf>
    <xf numFmtId="0" fontId="8" fillId="0" borderId="3" xfId="0" applyFont="1" applyBorder="1" applyAlignment="1">
      <alignment horizontal="distributed" vertical="center" wrapText="1"/>
    </xf>
    <xf numFmtId="0" fontId="8" fillId="0" borderId="0" xfId="0" applyFont="1" applyBorder="1" applyAlignment="1">
      <alignment horizontal="distributed" vertical="center" wrapText="1"/>
    </xf>
    <xf numFmtId="0" fontId="5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6" fillId="0" borderId="7" xfId="0" applyFont="1" applyBorder="1" applyAlignment="1">
      <alignment horizontal="distributed" vertical="center" wrapText="1"/>
    </xf>
    <xf numFmtId="0" fontId="6" fillId="0" borderId="9" xfId="0" applyFont="1" applyBorder="1" applyAlignment="1">
      <alignment horizontal="distributed" vertical="center" wrapTex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13" fillId="0" borderId="2" xfId="0" applyFont="1" applyBorder="1" applyAlignment="1">
      <alignment horizontal="center" vertical="center" wrapText="1" shrinkToFit="1"/>
    </xf>
    <xf numFmtId="0" fontId="8" fillId="0" borderId="8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9"/>
  <sheetViews>
    <sheetView tabSelected="1" topLeftCell="B21" zoomScale="115" zoomScaleNormal="115" zoomScaleSheetLayoutView="115" workbookViewId="0">
      <selection activeCell="B21" sqref="B21"/>
    </sheetView>
  </sheetViews>
  <sheetFormatPr defaultRowHeight="13.5"/>
  <cols>
    <col min="1" max="1" width="5.25" style="2" hidden="1" customWidth="1"/>
    <col min="2" max="2" width="18.5" style="2" customWidth="1"/>
    <col min="3" max="9" width="8.625" style="2" customWidth="1"/>
    <col min="10" max="10" width="10.625" style="2" customWidth="1"/>
    <col min="11" max="16384" width="9" style="2"/>
  </cols>
  <sheetData>
    <row r="1" spans="1:10" hidden="1">
      <c r="A1" s="1">
        <v>104</v>
      </c>
      <c r="B1" s="1" t="s">
        <v>25</v>
      </c>
    </row>
    <row r="2" spans="1:10" hidden="1">
      <c r="B2" s="1" t="s">
        <v>26</v>
      </c>
      <c r="J2" s="5" t="s">
        <v>24</v>
      </c>
    </row>
    <row r="3" spans="1:10" ht="13.5" hidden="1" customHeight="1">
      <c r="A3" s="27" t="s">
        <v>5</v>
      </c>
      <c r="B3" s="28"/>
      <c r="C3" s="30" t="s">
        <v>12</v>
      </c>
      <c r="D3" s="30"/>
      <c r="E3" s="30"/>
      <c r="F3" s="30"/>
      <c r="G3" s="30"/>
      <c r="H3" s="30"/>
      <c r="I3" s="30"/>
      <c r="J3" s="31" t="s">
        <v>11</v>
      </c>
    </row>
    <row r="4" spans="1:10" ht="13.5" hidden="1" customHeight="1">
      <c r="A4" s="29"/>
      <c r="B4" s="29"/>
      <c r="C4" s="33" t="s">
        <v>6</v>
      </c>
      <c r="D4" s="33" t="s">
        <v>3</v>
      </c>
      <c r="E4" s="34" t="s">
        <v>4</v>
      </c>
      <c r="F4" s="34"/>
      <c r="G4" s="34"/>
      <c r="H4" s="34"/>
      <c r="I4" s="34"/>
      <c r="J4" s="32"/>
    </row>
    <row r="5" spans="1:10" ht="13.5" hidden="1" customHeight="1">
      <c r="A5" s="29"/>
      <c r="B5" s="29"/>
      <c r="C5" s="33"/>
      <c r="D5" s="33"/>
      <c r="E5" s="9" t="s">
        <v>0</v>
      </c>
      <c r="F5" s="9" t="s">
        <v>7</v>
      </c>
      <c r="G5" s="10" t="s">
        <v>8</v>
      </c>
      <c r="H5" s="9" t="s">
        <v>9</v>
      </c>
      <c r="I5" s="9" t="s">
        <v>10</v>
      </c>
      <c r="J5" s="32"/>
    </row>
    <row r="6" spans="1:10" ht="18" hidden="1" customHeight="1">
      <c r="B6" s="3"/>
      <c r="C6" s="6"/>
      <c r="D6" s="6"/>
      <c r="E6" s="6"/>
      <c r="F6" s="6"/>
      <c r="G6" s="6"/>
      <c r="H6" s="6"/>
      <c r="I6" s="6"/>
      <c r="J6" s="6"/>
    </row>
    <row r="7" spans="1:10" ht="18" hidden="1" customHeight="1">
      <c r="A7" s="29" t="s">
        <v>13</v>
      </c>
      <c r="B7" s="29"/>
      <c r="C7" s="7" t="e">
        <f>SUM(C26,#REF!)</f>
        <v>#REF!</v>
      </c>
      <c r="D7" s="7" t="e">
        <f>SUM(D26,#REF!)</f>
        <v>#REF!</v>
      </c>
      <c r="E7" s="7" t="e">
        <f>SUM(E26,#REF!)</f>
        <v>#REF!</v>
      </c>
      <c r="F7" s="7" t="e">
        <f>SUM(F26,#REF!)</f>
        <v>#REF!</v>
      </c>
      <c r="G7" s="7" t="e">
        <f>SUM(G26,#REF!)</f>
        <v>#REF!</v>
      </c>
      <c r="H7" s="7" t="e">
        <f>SUM(H26,#REF!)</f>
        <v>#REF!</v>
      </c>
      <c r="I7" s="7" t="e">
        <f>SUM(I26,#REF!)</f>
        <v>#REF!</v>
      </c>
      <c r="J7" s="7" t="s">
        <v>29</v>
      </c>
    </row>
    <row r="8" spans="1:10" ht="16.5" hidden="1" customHeight="1">
      <c r="A8" s="33" t="s">
        <v>15</v>
      </c>
      <c r="B8" s="33"/>
      <c r="C8" s="7" t="e">
        <f>SUM(C27,#REF!)</f>
        <v>#REF!</v>
      </c>
      <c r="D8" s="7" t="e">
        <f>SUM(D27,#REF!)</f>
        <v>#REF!</v>
      </c>
      <c r="E8" s="7" t="e">
        <f>SUM(E27,#REF!)</f>
        <v>#REF!</v>
      </c>
      <c r="F8" s="7" t="e">
        <f>SUM(F27,#REF!)</f>
        <v>#REF!</v>
      </c>
      <c r="G8" s="7" t="e">
        <f>SUM(G27,#REF!)</f>
        <v>#REF!</v>
      </c>
      <c r="H8" s="7" t="e">
        <f>SUM(H27,#REF!)</f>
        <v>#REF!</v>
      </c>
      <c r="I8" s="7" t="e">
        <f>SUM(I27,#REF!)</f>
        <v>#REF!</v>
      </c>
      <c r="J8" s="7" t="s">
        <v>29</v>
      </c>
    </row>
    <row r="9" spans="1:10" ht="16.5" hidden="1" customHeight="1">
      <c r="A9" s="33" t="s">
        <v>14</v>
      </c>
      <c r="B9" s="33"/>
      <c r="C9" s="7" t="e">
        <f>SUM(C29,#REF!)</f>
        <v>#REF!</v>
      </c>
      <c r="D9" s="7" t="e">
        <f>SUM(D29,#REF!)</f>
        <v>#REF!</v>
      </c>
      <c r="E9" s="7" t="e">
        <f>SUM(E29,#REF!)</f>
        <v>#REF!</v>
      </c>
      <c r="F9" s="7" t="e">
        <f>SUM(F29,#REF!)</f>
        <v>#REF!</v>
      </c>
      <c r="G9" s="7" t="e">
        <f>SUM(G29,#REF!)</f>
        <v>#REF!</v>
      </c>
      <c r="H9" s="7" t="e">
        <f>SUM(H29,#REF!)</f>
        <v>#REF!</v>
      </c>
      <c r="I9" s="7" t="e">
        <f>SUM(I29,#REF!)</f>
        <v>#REF!</v>
      </c>
      <c r="J9" s="7" t="s">
        <v>29</v>
      </c>
    </row>
    <row r="10" spans="1:10" ht="16.5" hidden="1" customHeight="1">
      <c r="A10" s="33" t="s">
        <v>16</v>
      </c>
      <c r="B10" s="33"/>
      <c r="C10" s="7" t="e">
        <f>SUM(C30,#REF!)</f>
        <v>#REF!</v>
      </c>
      <c r="D10" s="7" t="e">
        <f>SUM(D30,#REF!)</f>
        <v>#REF!</v>
      </c>
      <c r="E10" s="7" t="e">
        <f>SUM(E30,#REF!)</f>
        <v>#REF!</v>
      </c>
      <c r="F10" s="7" t="e">
        <f>SUM(F30,#REF!)</f>
        <v>#REF!</v>
      </c>
      <c r="G10" s="7" t="e">
        <f>SUM(G30,#REF!)</f>
        <v>#REF!</v>
      </c>
      <c r="H10" s="7" t="e">
        <f>SUM(H30,#REF!)</f>
        <v>#REF!</v>
      </c>
      <c r="I10" s="7" t="e">
        <f>SUM(I30,#REF!)</f>
        <v>#REF!</v>
      </c>
      <c r="J10" s="7" t="s">
        <v>29</v>
      </c>
    </row>
    <row r="11" spans="1:10" ht="16.5" hidden="1" customHeight="1">
      <c r="A11" s="33" t="s">
        <v>17</v>
      </c>
      <c r="B11" s="33"/>
      <c r="C11" s="7" t="e">
        <f>SUM(C31,#REF!)</f>
        <v>#REF!</v>
      </c>
      <c r="D11" s="7" t="e">
        <f>SUM(D31,#REF!)</f>
        <v>#REF!</v>
      </c>
      <c r="E11" s="7" t="e">
        <f>SUM(E31,#REF!)</f>
        <v>#REF!</v>
      </c>
      <c r="F11" s="7" t="e">
        <f>SUM(F31,#REF!)</f>
        <v>#REF!</v>
      </c>
      <c r="G11" s="7" t="e">
        <f>SUM(G31,#REF!)</f>
        <v>#REF!</v>
      </c>
      <c r="H11" s="7" t="e">
        <f>SUM(H31,#REF!)</f>
        <v>#REF!</v>
      </c>
      <c r="I11" s="7" t="e">
        <f>SUM(I31,#REF!)</f>
        <v>#REF!</v>
      </c>
      <c r="J11" s="7" t="s">
        <v>29</v>
      </c>
    </row>
    <row r="12" spans="1:10" ht="16.5" hidden="1" customHeight="1">
      <c r="A12" s="33" t="s">
        <v>18</v>
      </c>
      <c r="B12" s="33"/>
      <c r="C12" s="7" t="e">
        <f>SUM(C32,#REF!)</f>
        <v>#REF!</v>
      </c>
      <c r="D12" s="7" t="e">
        <f>SUM(D32,#REF!)</f>
        <v>#REF!</v>
      </c>
      <c r="E12" s="7" t="e">
        <f>SUM(E32,#REF!)</f>
        <v>#REF!</v>
      </c>
      <c r="F12" s="7" t="e">
        <f>SUM(F32,#REF!)</f>
        <v>#REF!</v>
      </c>
      <c r="G12" s="7" t="e">
        <f>SUM(G32,#REF!)</f>
        <v>#REF!</v>
      </c>
      <c r="H12" s="7" t="e">
        <f>SUM(H32,#REF!)</f>
        <v>#REF!</v>
      </c>
      <c r="I12" s="7" t="e">
        <f>SUM(I32,#REF!)</f>
        <v>#REF!</v>
      </c>
      <c r="J12" s="7" t="s">
        <v>29</v>
      </c>
    </row>
    <row r="13" spans="1:10" ht="16.5" hidden="1" customHeight="1">
      <c r="A13" s="33" t="s">
        <v>19</v>
      </c>
      <c r="B13" s="33"/>
      <c r="C13" s="7" t="e">
        <f>SUM(C33,#REF!)</f>
        <v>#REF!</v>
      </c>
      <c r="D13" s="7" t="e">
        <f>SUM(D33,#REF!)</f>
        <v>#REF!</v>
      </c>
      <c r="E13" s="7" t="e">
        <f>SUM(E33,#REF!)</f>
        <v>#REF!</v>
      </c>
      <c r="F13" s="7" t="e">
        <f>SUM(F33,#REF!)</f>
        <v>#REF!</v>
      </c>
      <c r="G13" s="7" t="s">
        <v>29</v>
      </c>
      <c r="H13" s="7" t="e">
        <f>SUM(H33,#REF!)</f>
        <v>#REF!</v>
      </c>
      <c r="I13" s="7" t="e">
        <f>SUM(I33,#REF!)</f>
        <v>#REF!</v>
      </c>
      <c r="J13" s="7" t="s">
        <v>29</v>
      </c>
    </row>
    <row r="14" spans="1:10" ht="16.5" hidden="1" customHeight="1">
      <c r="A14" s="33" t="s">
        <v>20</v>
      </c>
      <c r="B14" s="33"/>
      <c r="C14" s="7" t="e">
        <f>SUM(C34,#REF!)</f>
        <v>#REF!</v>
      </c>
      <c r="D14" s="7" t="e">
        <f>SUM(D34,#REF!)</f>
        <v>#REF!</v>
      </c>
      <c r="E14" s="7" t="e">
        <f>SUM(E34,#REF!)</f>
        <v>#REF!</v>
      </c>
      <c r="F14" s="7" t="s">
        <v>29</v>
      </c>
      <c r="G14" s="7" t="e">
        <f>SUM(G34,#REF!)</f>
        <v>#REF!</v>
      </c>
      <c r="H14" s="7" t="e">
        <f>SUM(H34,#REF!)</f>
        <v>#REF!</v>
      </c>
      <c r="I14" s="7" t="e">
        <f>SUM(I34,#REF!)</f>
        <v>#REF!</v>
      </c>
      <c r="J14" s="7" t="s">
        <v>29</v>
      </c>
    </row>
    <row r="15" spans="1:10" ht="16.5" hidden="1" customHeight="1" thickBot="1">
      <c r="A15" s="35" t="s">
        <v>21</v>
      </c>
      <c r="B15" s="35"/>
      <c r="C15" s="8" t="e">
        <f>SUM(C35,#REF!)</f>
        <v>#REF!</v>
      </c>
      <c r="D15" s="8" t="e">
        <f>SUM(D35,#REF!)</f>
        <v>#REF!</v>
      </c>
      <c r="E15" s="8" t="e">
        <f>SUM(E35,#REF!)</f>
        <v>#REF!</v>
      </c>
      <c r="F15" s="8" t="s">
        <v>29</v>
      </c>
      <c r="G15" s="8" t="s">
        <v>29</v>
      </c>
      <c r="H15" s="8" t="e">
        <f>SUM(H35,#REF!)</f>
        <v>#REF!</v>
      </c>
      <c r="I15" s="8" t="e">
        <f>SUM(I35,#REF!)</f>
        <v>#REF!</v>
      </c>
      <c r="J15" s="8" t="s">
        <v>29</v>
      </c>
    </row>
    <row r="16" spans="1:10" hidden="1">
      <c r="A16" s="5" t="s">
        <v>1</v>
      </c>
      <c r="B16" s="4" t="s">
        <v>22</v>
      </c>
    </row>
    <row r="17" spans="1:10" hidden="1">
      <c r="A17" s="4"/>
      <c r="B17" s="4" t="s">
        <v>23</v>
      </c>
    </row>
    <row r="18" spans="1:10" hidden="1">
      <c r="A18" s="4"/>
      <c r="B18" s="4" t="s">
        <v>2</v>
      </c>
    </row>
    <row r="19" spans="1:10" hidden="1"/>
    <row r="20" spans="1:10" hidden="1"/>
    <row r="21" spans="1:10" ht="20.100000000000001" customHeight="1">
      <c r="B21" s="12" t="s">
        <v>30</v>
      </c>
      <c r="C21" s="13"/>
      <c r="D21" s="13"/>
      <c r="E21" s="13"/>
      <c r="F21" s="13"/>
      <c r="G21" s="13"/>
      <c r="H21" s="13"/>
      <c r="I21" s="13"/>
      <c r="J21" s="13"/>
    </row>
    <row r="22" spans="1:10" ht="20.100000000000001" customHeight="1" thickBot="1">
      <c r="B22" s="12"/>
      <c r="C22" s="13"/>
      <c r="D22" s="13"/>
      <c r="E22" s="13"/>
      <c r="F22" s="13"/>
      <c r="G22" s="13"/>
      <c r="H22" s="13"/>
      <c r="I22" s="13"/>
      <c r="J22" s="14" t="s">
        <v>37</v>
      </c>
    </row>
    <row r="23" spans="1:10">
      <c r="B23" s="36" t="s">
        <v>5</v>
      </c>
      <c r="C23" s="38" t="s">
        <v>12</v>
      </c>
      <c r="D23" s="38"/>
      <c r="E23" s="38"/>
      <c r="F23" s="38"/>
      <c r="G23" s="38"/>
      <c r="H23" s="38"/>
      <c r="I23" s="38"/>
      <c r="J23" s="43" t="s">
        <v>50</v>
      </c>
    </row>
    <row r="24" spans="1:10">
      <c r="B24" s="37"/>
      <c r="C24" s="39" t="s">
        <v>40</v>
      </c>
      <c r="D24" s="41" t="s">
        <v>3</v>
      </c>
      <c r="E24" s="41" t="s">
        <v>4</v>
      </c>
      <c r="F24" s="41"/>
      <c r="G24" s="41"/>
      <c r="H24" s="41"/>
      <c r="I24" s="41"/>
      <c r="J24" s="44"/>
    </row>
    <row r="25" spans="1:10" ht="16.5">
      <c r="B25" s="37"/>
      <c r="C25" s="40"/>
      <c r="D25" s="41"/>
      <c r="E25" s="11" t="s">
        <v>0</v>
      </c>
      <c r="F25" s="11" t="s">
        <v>7</v>
      </c>
      <c r="G25" s="42" t="s">
        <v>48</v>
      </c>
      <c r="H25" s="11" t="s">
        <v>9</v>
      </c>
      <c r="I25" s="11" t="s">
        <v>10</v>
      </c>
      <c r="J25" s="44"/>
    </row>
    <row r="26" spans="1:10" ht="21" customHeight="1">
      <c r="B26" s="25" t="s">
        <v>39</v>
      </c>
      <c r="C26" s="17">
        <v>39520</v>
      </c>
      <c r="D26" s="17">
        <v>28420</v>
      </c>
      <c r="E26" s="17">
        <v>10730</v>
      </c>
      <c r="F26" s="17">
        <v>1200</v>
      </c>
      <c r="G26" s="17" t="s">
        <v>49</v>
      </c>
      <c r="H26" s="17">
        <v>8790</v>
      </c>
      <c r="I26" s="17">
        <v>740</v>
      </c>
      <c r="J26" s="18">
        <v>110</v>
      </c>
    </row>
    <row r="27" spans="1:10" ht="21" customHeight="1">
      <c r="B27" s="15" t="s">
        <v>31</v>
      </c>
      <c r="C27" s="19">
        <v>2110</v>
      </c>
      <c r="D27" s="19">
        <v>1340</v>
      </c>
      <c r="E27" s="19">
        <v>770</v>
      </c>
      <c r="F27" s="19">
        <v>130</v>
      </c>
      <c r="G27" s="20" t="s">
        <v>29</v>
      </c>
      <c r="H27" s="19">
        <v>620</v>
      </c>
      <c r="I27" s="20">
        <v>20</v>
      </c>
      <c r="J27" s="21" t="s">
        <v>32</v>
      </c>
    </row>
    <row r="28" spans="1:10" ht="21" customHeight="1">
      <c r="B28" s="15" t="s">
        <v>41</v>
      </c>
      <c r="C28" s="19">
        <v>4370</v>
      </c>
      <c r="D28" s="19">
        <v>3190</v>
      </c>
      <c r="E28" s="19">
        <v>1180</v>
      </c>
      <c r="F28" s="19">
        <v>300</v>
      </c>
      <c r="G28" s="20" t="s">
        <v>29</v>
      </c>
      <c r="H28" s="19">
        <v>860</v>
      </c>
      <c r="I28" s="20">
        <v>20</v>
      </c>
      <c r="J28" s="21" t="s">
        <v>32</v>
      </c>
    </row>
    <row r="29" spans="1:10" ht="21" customHeight="1">
      <c r="B29" s="15" t="s">
        <v>42</v>
      </c>
      <c r="C29" s="19">
        <v>7090</v>
      </c>
      <c r="D29" s="19">
        <v>4940</v>
      </c>
      <c r="E29" s="19">
        <v>2150</v>
      </c>
      <c r="F29" s="19">
        <v>290</v>
      </c>
      <c r="G29" s="20" t="s">
        <v>29</v>
      </c>
      <c r="H29" s="19">
        <v>1800</v>
      </c>
      <c r="I29" s="19">
        <v>70</v>
      </c>
      <c r="J29" s="21" t="s">
        <v>32</v>
      </c>
    </row>
    <row r="30" spans="1:10" ht="21" customHeight="1">
      <c r="B30" s="15" t="s">
        <v>43</v>
      </c>
      <c r="C30" s="19">
        <v>6320</v>
      </c>
      <c r="D30" s="19">
        <v>4340</v>
      </c>
      <c r="E30" s="19">
        <v>1980</v>
      </c>
      <c r="F30" s="19">
        <v>200</v>
      </c>
      <c r="G30" s="20" t="s">
        <v>29</v>
      </c>
      <c r="H30" s="19">
        <v>1620</v>
      </c>
      <c r="I30" s="19">
        <v>160</v>
      </c>
      <c r="J30" s="21">
        <v>20</v>
      </c>
    </row>
    <row r="31" spans="1:10" ht="21" customHeight="1">
      <c r="B31" s="15" t="s">
        <v>44</v>
      </c>
      <c r="C31" s="19">
        <v>4880</v>
      </c>
      <c r="D31" s="19">
        <v>3320</v>
      </c>
      <c r="E31" s="19">
        <v>1560</v>
      </c>
      <c r="F31" s="19">
        <v>160</v>
      </c>
      <c r="G31" s="20" t="s">
        <v>29</v>
      </c>
      <c r="H31" s="19">
        <v>1210</v>
      </c>
      <c r="I31" s="19">
        <v>180</v>
      </c>
      <c r="J31" s="21">
        <v>20</v>
      </c>
    </row>
    <row r="32" spans="1:10" ht="21" customHeight="1">
      <c r="B32" s="15" t="s">
        <v>45</v>
      </c>
      <c r="C32" s="19">
        <v>6590</v>
      </c>
      <c r="D32" s="19">
        <v>5160</v>
      </c>
      <c r="E32" s="19">
        <v>1420</v>
      </c>
      <c r="F32" s="20">
        <v>20</v>
      </c>
      <c r="G32" s="20" t="s">
        <v>29</v>
      </c>
      <c r="H32" s="19">
        <v>1260</v>
      </c>
      <c r="I32" s="19">
        <v>140</v>
      </c>
      <c r="J32" s="21" t="s">
        <v>36</v>
      </c>
    </row>
    <row r="33" spans="2:10" ht="21" customHeight="1">
      <c r="B33" s="26" t="s">
        <v>46</v>
      </c>
      <c r="C33" s="19">
        <v>4520</v>
      </c>
      <c r="D33" s="19">
        <v>3830</v>
      </c>
      <c r="E33" s="19">
        <v>690</v>
      </c>
      <c r="F33" s="20" t="s">
        <v>33</v>
      </c>
      <c r="G33" s="20" t="s">
        <v>33</v>
      </c>
      <c r="H33" s="19">
        <v>570</v>
      </c>
      <c r="I33" s="19">
        <v>120</v>
      </c>
      <c r="J33" s="21">
        <v>50</v>
      </c>
    </row>
    <row r="34" spans="2:10" ht="21" customHeight="1">
      <c r="B34" s="26" t="s">
        <v>47</v>
      </c>
      <c r="C34" s="19">
        <v>1620</v>
      </c>
      <c r="D34" s="19">
        <v>1440</v>
      </c>
      <c r="E34" s="19">
        <v>180</v>
      </c>
      <c r="F34" s="20" t="s">
        <v>34</v>
      </c>
      <c r="G34" s="20" t="s">
        <v>34</v>
      </c>
      <c r="H34" s="19">
        <v>180</v>
      </c>
      <c r="I34" s="20" t="s">
        <v>35</v>
      </c>
      <c r="J34" s="21">
        <v>10</v>
      </c>
    </row>
    <row r="35" spans="2:10" ht="21" customHeight="1" thickBot="1">
      <c r="B35" s="16" t="s">
        <v>21</v>
      </c>
      <c r="C35" s="22">
        <v>490</v>
      </c>
      <c r="D35" s="22">
        <v>430</v>
      </c>
      <c r="E35" s="22">
        <v>60</v>
      </c>
      <c r="F35" s="23" t="s">
        <v>32</v>
      </c>
      <c r="G35" s="23" t="s">
        <v>32</v>
      </c>
      <c r="H35" s="22">
        <v>50</v>
      </c>
      <c r="I35" s="23">
        <v>10</v>
      </c>
      <c r="J35" s="24">
        <v>10</v>
      </c>
    </row>
    <row r="36" spans="2:10">
      <c r="B36" s="1"/>
    </row>
    <row r="37" spans="2:10">
      <c r="B37" s="4" t="s">
        <v>27</v>
      </c>
    </row>
    <row r="38" spans="2:10">
      <c r="B38" s="4" t="s">
        <v>28</v>
      </c>
    </row>
    <row r="39" spans="2:10">
      <c r="B39" s="4" t="s">
        <v>38</v>
      </c>
    </row>
  </sheetData>
  <mergeCells count="21">
    <mergeCell ref="C23:I23"/>
    <mergeCell ref="J23:J25"/>
    <mergeCell ref="C24:C25"/>
    <mergeCell ref="D24:D25"/>
    <mergeCell ref="E24:I24"/>
    <mergeCell ref="A12:B12"/>
    <mergeCell ref="A13:B13"/>
    <mergeCell ref="A14:B14"/>
    <mergeCell ref="A15:B15"/>
    <mergeCell ref="B23:B25"/>
    <mergeCell ref="A7:B7"/>
    <mergeCell ref="A8:B8"/>
    <mergeCell ref="A9:B9"/>
    <mergeCell ref="A10:B10"/>
    <mergeCell ref="A11:B11"/>
    <mergeCell ref="A3:B5"/>
    <mergeCell ref="C3:I3"/>
    <mergeCell ref="J3:J5"/>
    <mergeCell ref="C4:C5"/>
    <mergeCell ref="D4:D5"/>
    <mergeCell ref="E4:I4"/>
  </mergeCells>
  <phoneticPr fontId="2"/>
  <printOptions horizontalCentered="1"/>
  <pageMargins left="0.59055118110236227" right="0.39370078740157483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8-6</vt:lpstr>
      <vt:lpstr>'18-6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7T23:50:35Z</cp:lastPrinted>
  <dcterms:created xsi:type="dcterms:W3CDTF">1997-01-08T22:48:59Z</dcterms:created>
  <dcterms:modified xsi:type="dcterms:W3CDTF">2021-02-07T23:51:14Z</dcterms:modified>
</cp:coreProperties>
</file>